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731"/>
  <workbookPr/>
  <mc:AlternateContent xmlns:mc="http://schemas.openxmlformats.org/markup-compatibility/2006">
    <mc:Choice Requires="x15">
      <x15ac:absPath xmlns:x15ac="http://schemas.microsoft.com/office/spreadsheetml/2010/11/ac" url="https://aedescloud-my.sharepoint.com/personal/w_sittrop_aedes_nl/Documents/Documenten/"/>
    </mc:Choice>
  </mc:AlternateContent>
  <xr:revisionPtr revIDLastSave="0" documentId="8_{20BB7E3D-A211-4E55-901D-310406B1786E}" xr6:coauthVersionLast="47" xr6:coauthVersionMax="47" xr10:uidLastSave="{00000000-0000-0000-0000-000000000000}"/>
  <bookViews>
    <workbookView xWindow="-120" yWindow="-120" windowWidth="29040" windowHeight="15840" xr2:uid="{54CBE0C2-7CF7-BB4D-A5C4-45B112B42C56}"/>
  </bookViews>
  <sheets>
    <sheet name="ITS" sheetId="2" r:id="rId1"/>
  </sheets>
  <definedNames>
    <definedName name="_xlnm.Print_Area" localSheetId="0">ITS!$A$2:$E$76</definedName>
  </definedName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98" uniqueCount="79">
  <si>
    <t>Indicatieve Term Sheet (ITS)</t>
  </si>
  <si>
    <t>Bank</t>
  </si>
  <si>
    <t>ABC Bank</t>
  </si>
  <si>
    <t>Datum ITS verstrekt</t>
  </si>
  <si>
    <t>dd-mm-yyyy</t>
  </si>
  <si>
    <t>Datum ITS geldig</t>
  </si>
  <si>
    <t>Status Term Sheet</t>
  </si>
  <si>
    <t>Indicatief</t>
  </si>
  <si>
    <t>Geldnemer</t>
  </si>
  <si>
    <t>Corporatie X / Vennootschap Y</t>
  </si>
  <si>
    <t>Doel Financiering</t>
  </si>
  <si>
    <t>Bestedingsdoel: Financiering Bestaande Portefeuille / Herfinanciering Interne Lening / Projectfinanciering</t>
  </si>
  <si>
    <t>Looptijd</t>
  </si>
  <si>
    <t>Looptijd 1</t>
  </si>
  <si>
    <t>5 jaar</t>
  </si>
  <si>
    <t>Looptijd 2</t>
  </si>
  <si>
    <t>10 jaar</t>
  </si>
  <si>
    <t>Looptijd 3</t>
  </si>
  <si>
    <t>15 jaar</t>
  </si>
  <si>
    <t>Aflossing</t>
  </si>
  <si>
    <t>Fixe of X% per jaar</t>
  </si>
  <si>
    <t>Vervroegde aflossing</t>
  </si>
  <si>
    <t>Mogelijk onder voorwaarden</t>
  </si>
  <si>
    <t>Vaste rente periode 1</t>
  </si>
  <si>
    <t>Opslag</t>
  </si>
  <si>
    <t>XX basispunten</t>
  </si>
  <si>
    <t>Swap rente</t>
  </si>
  <si>
    <t>IRS-rente o.b.v. 6M of 3M Euribor</t>
  </si>
  <si>
    <t>All-in rente</t>
  </si>
  <si>
    <t>Swap rente + opslag op moment van offreren</t>
  </si>
  <si>
    <t>Vaste rente periode 2</t>
  </si>
  <si>
    <t>Vaste rente periode 3</t>
  </si>
  <si>
    <t>Variabele rente</t>
  </si>
  <si>
    <t>Welke referentierente wordt gehanteerd, Euribor</t>
  </si>
  <si>
    <t>Bereidstellingsprovisie</t>
  </si>
  <si>
    <t>XX basispunten indien van toepassing</t>
  </si>
  <si>
    <t>Afsluitkosten</t>
  </si>
  <si>
    <t>Financier</t>
  </si>
  <si>
    <t>Welk volume wordt door Financier/Bank aangeboden?</t>
  </si>
  <si>
    <t>Wordt deze financiering op eigen balans verstrekt?</t>
  </si>
  <si>
    <t>Toepasselijk recht</t>
  </si>
  <si>
    <t>Nederlands recht?</t>
  </si>
  <si>
    <t>Zekerheden</t>
  </si>
  <si>
    <t>Welke zekerheden worden door de bank/financier gehanteerd?</t>
  </si>
  <si>
    <t>Opeisingsgronden</t>
  </si>
  <si>
    <t>Welke opeisingsgronden worden gehanteerd? Waar zijn deze vastgelegd?</t>
  </si>
  <si>
    <t>Verstrekkingsvoorwaarden</t>
  </si>
  <si>
    <t>Aan welke voorwaarden dient de corporatie vooraf te voldoen alvorens de financiering wordt gestort?</t>
  </si>
  <si>
    <t>Financiele convenanten</t>
  </si>
  <si>
    <t>Welke financiele convenanten/ratio's worden gehanteerd?</t>
  </si>
  <si>
    <t>Storting per gewenste stortingsdatum</t>
  </si>
  <si>
    <t>dd/mm/yyyy</t>
  </si>
  <si>
    <t>Documentatie</t>
  </si>
  <si>
    <t>Welke leningsdocumentatie wordt gehanteerd?</t>
  </si>
  <si>
    <t>Kosten documentatie</t>
  </si>
  <si>
    <t>Welke documentatie is er van toepassing voor de financiering?</t>
  </si>
  <si>
    <t>Welke kosten worden in rekening gebracht voor het opstellen van de documentatie?</t>
  </si>
  <si>
    <t>Berekeningswijze</t>
  </si>
  <si>
    <t>Ratio's</t>
  </si>
  <si>
    <t xml:space="preserve"> Welke ratio's worden gehanteerd door Financier?</t>
  </si>
  <si>
    <t>Loan to Value</t>
  </si>
  <si>
    <t>Welke definities worden voor deze ratio's gehanteerd?</t>
  </si>
  <si>
    <t>ICR</t>
  </si>
  <si>
    <t>DSCR</t>
  </si>
  <si>
    <t>Solvabiliteit</t>
  </si>
  <si>
    <t>Onderpand</t>
  </si>
  <si>
    <t>Dient hypothecaire zekerheid te worden verstrekt?</t>
  </si>
  <si>
    <t>Labels</t>
  </si>
  <si>
    <t>Welke energielabels zijn acceptabel voor financier, bij aanvang, c.q. per 2030?</t>
  </si>
  <si>
    <t>Type onderpand</t>
  </si>
  <si>
    <t>Woningen?</t>
  </si>
  <si>
    <t>BOG?</t>
  </si>
  <si>
    <t>MOG/ZOG?</t>
  </si>
  <si>
    <t>Taxatie</t>
  </si>
  <si>
    <t>Externe taxatie nodig</t>
  </si>
  <si>
    <t xml:space="preserve">Welke taxateur? </t>
  </si>
  <si>
    <t>Welke periodiciteit?</t>
  </si>
  <si>
    <t>Rapportage</t>
  </si>
  <si>
    <t>Frequentie rapportages en inhoud rapportage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43" formatCode="_ * #,##0.00_ ;_ * \-#,##0.00_ ;_ * &quot;-&quot;??_ ;_ @_ "/>
    <numFmt numFmtId="164" formatCode="[$-F800]dddd\,\ mmmm\ dd\,\ yyyy"/>
    <numFmt numFmtId="165" formatCode="_ * #,##0_ ;_ * \-#,##0_ ;_ * &quot;-&quot;??_ ;_ @_ "/>
  </numFmts>
  <fonts count="5" x14ac:knownFonts="1">
    <font>
      <sz val="12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sz val="10"/>
      <color theme="1"/>
      <name val="Verdana"/>
      <family val="2"/>
    </font>
    <font>
      <b/>
      <sz val="10"/>
      <color theme="0"/>
      <name val="Verdana"/>
      <family val="2"/>
    </font>
    <font>
      <b/>
      <sz val="10"/>
      <color theme="1"/>
      <name val="Verdana"/>
      <family val="2"/>
    </font>
  </fonts>
  <fills count="3">
    <fill>
      <patternFill patternType="none"/>
    </fill>
    <fill>
      <patternFill patternType="gray125"/>
    </fill>
    <fill>
      <patternFill patternType="solid">
        <fgColor rgb="FF00B0F0"/>
        <bgColor indexed="64"/>
      </patternFill>
    </fill>
  </fills>
  <borders count="12">
    <border>
      <left/>
      <right/>
      <top/>
      <bottom/>
      <diagonal/>
    </border>
    <border>
      <left style="medium">
        <color indexed="64"/>
      </left>
      <right style="medium">
        <color indexed="64"/>
      </right>
      <top/>
      <bottom style="medium">
        <color indexed="64"/>
      </bottom>
      <diagonal/>
    </border>
    <border>
      <left/>
      <right style="medium">
        <color indexed="64"/>
      </right>
      <top/>
      <bottom style="medium">
        <color indexed="64"/>
      </bottom>
      <diagonal/>
    </border>
    <border>
      <left/>
      <right/>
      <top/>
      <bottom style="medium">
        <color indexed="64"/>
      </bottom>
      <diagonal/>
    </border>
    <border>
      <left style="medium">
        <color indexed="64"/>
      </left>
      <right/>
      <top/>
      <bottom style="medium">
        <color indexed="64"/>
      </bottom>
      <diagonal/>
    </border>
    <border>
      <left style="medium">
        <color indexed="64"/>
      </left>
      <right style="medium">
        <color indexed="64"/>
      </right>
      <top/>
      <bottom/>
      <diagonal/>
    </border>
    <border>
      <left/>
      <right style="medium">
        <color indexed="64"/>
      </right>
      <top/>
      <bottom/>
      <diagonal/>
    </border>
    <border>
      <left style="medium">
        <color indexed="64"/>
      </left>
      <right/>
      <top/>
      <bottom/>
      <diagonal/>
    </border>
    <border>
      <left style="medium">
        <color indexed="64"/>
      </left>
      <right style="medium">
        <color indexed="64"/>
      </right>
      <top style="medium">
        <color indexed="64"/>
      </top>
      <bottom/>
      <diagonal/>
    </border>
    <border>
      <left/>
      <right style="medium">
        <color indexed="64"/>
      </right>
      <top style="medium">
        <color indexed="64"/>
      </top>
      <bottom/>
      <diagonal/>
    </border>
    <border>
      <left/>
      <right/>
      <top style="medium">
        <color indexed="64"/>
      </top>
      <bottom/>
      <diagonal/>
    </border>
    <border>
      <left style="medium">
        <color indexed="64"/>
      </left>
      <right/>
      <top style="medium">
        <color indexed="64"/>
      </top>
      <bottom/>
      <diagonal/>
    </border>
  </borders>
  <cellStyleXfs count="4">
    <xf numFmtId="0" fontId="0" fillId="0" borderId="0"/>
    <xf numFmtId="0" fontId="1" fillId="0" borderId="0"/>
    <xf numFmtId="43" fontId="1" fillId="0" borderId="0" applyFont="0" applyFill="0" applyBorder="0" applyAlignment="0" applyProtection="0"/>
    <xf numFmtId="9" fontId="1" fillId="0" borderId="0" applyFont="0" applyFill="0" applyBorder="0" applyAlignment="0" applyProtection="0"/>
  </cellStyleXfs>
  <cellXfs count="36">
    <xf numFmtId="0" fontId="0" fillId="0" borderId="0" xfId="0"/>
    <xf numFmtId="0" fontId="2" fillId="0" borderId="0" xfId="1" applyFont="1"/>
    <xf numFmtId="0" fontId="3" fillId="2" borderId="11" xfId="1" applyFont="1" applyFill="1" applyBorder="1"/>
    <xf numFmtId="0" fontId="3" fillId="2" borderId="10" xfId="1" applyFont="1" applyFill="1" applyBorder="1"/>
    <xf numFmtId="0" fontId="3" fillId="2" borderId="8" xfId="1" applyFont="1" applyFill="1" applyBorder="1" applyAlignment="1">
      <alignment horizontal="center"/>
    </xf>
    <xf numFmtId="0" fontId="4" fillId="0" borderId="11" xfId="1" applyFont="1" applyBorder="1"/>
    <xf numFmtId="0" fontId="2" fillId="0" borderId="10" xfId="1" applyFont="1" applyBorder="1"/>
    <xf numFmtId="0" fontId="2" fillId="0" borderId="9" xfId="1" applyFont="1" applyBorder="1"/>
    <xf numFmtId="0" fontId="2" fillId="0" borderId="9" xfId="1" applyFont="1" applyBorder="1" applyAlignment="1">
      <alignment horizontal="center"/>
    </xf>
    <xf numFmtId="0" fontId="4" fillId="0" borderId="7" xfId="1" applyFont="1" applyBorder="1"/>
    <xf numFmtId="0" fontId="2" fillId="0" borderId="6" xfId="1" applyFont="1" applyBorder="1"/>
    <xf numFmtId="0" fontId="2" fillId="0" borderId="6" xfId="1" applyFont="1" applyBorder="1" applyAlignment="1">
      <alignment horizontal="center"/>
    </xf>
    <xf numFmtId="0" fontId="2" fillId="0" borderId="7" xfId="1" applyFont="1" applyBorder="1"/>
    <xf numFmtId="14" fontId="2" fillId="0" borderId="6" xfId="1" applyNumberFormat="1" applyFont="1" applyBorder="1" applyAlignment="1">
      <alignment horizontal="center"/>
    </xf>
    <xf numFmtId="0" fontId="2" fillId="0" borderId="4" xfId="1" applyFont="1" applyBorder="1"/>
    <xf numFmtId="0" fontId="2" fillId="0" borderId="3" xfId="1" applyFont="1" applyBorder="1"/>
    <xf numFmtId="0" fontId="2" fillId="0" borderId="2" xfId="1" applyFont="1" applyBorder="1"/>
    <xf numFmtId="3" fontId="2" fillId="0" borderId="2" xfId="2" applyNumberFormat="1" applyFont="1" applyBorder="1" applyAlignment="1">
      <alignment horizontal="center"/>
    </xf>
    <xf numFmtId="3" fontId="2" fillId="0" borderId="5" xfId="2" applyNumberFormat="1" applyFont="1" applyFill="1" applyBorder="1" applyAlignment="1">
      <alignment horizontal="center"/>
    </xf>
    <xf numFmtId="0" fontId="2" fillId="0" borderId="11" xfId="1" applyFont="1" applyBorder="1"/>
    <xf numFmtId="0" fontId="2" fillId="0" borderId="8" xfId="1" applyFont="1" applyBorder="1" applyAlignment="1">
      <alignment horizontal="center"/>
    </xf>
    <xf numFmtId="3" fontId="2" fillId="0" borderId="5" xfId="1" applyNumberFormat="1" applyFont="1" applyBorder="1" applyAlignment="1">
      <alignment horizontal="center"/>
    </xf>
    <xf numFmtId="9" fontId="2" fillId="0" borderId="5" xfId="1" applyNumberFormat="1" applyFont="1" applyBorder="1" applyAlignment="1">
      <alignment horizontal="center"/>
    </xf>
    <xf numFmtId="0" fontId="2" fillId="0" borderId="5" xfId="1" applyFont="1" applyBorder="1" applyAlignment="1">
      <alignment horizontal="center"/>
    </xf>
    <xf numFmtId="0" fontId="2" fillId="0" borderId="1" xfId="1" applyFont="1" applyBorder="1" applyAlignment="1">
      <alignment horizontal="center"/>
    </xf>
    <xf numFmtId="10" fontId="2" fillId="0" borderId="5" xfId="1" applyNumberFormat="1" applyFont="1" applyBorder="1" applyAlignment="1">
      <alignment horizontal="center"/>
    </xf>
    <xf numFmtId="10" fontId="2" fillId="0" borderId="5" xfId="3" applyNumberFormat="1" applyFont="1" applyFill="1" applyBorder="1" applyAlignment="1">
      <alignment horizontal="center"/>
    </xf>
    <xf numFmtId="0" fontId="2" fillId="0" borderId="5" xfId="1" applyFont="1" applyBorder="1"/>
    <xf numFmtId="165" fontId="2" fillId="0" borderId="0" xfId="2" applyNumberFormat="1" applyFont="1" applyBorder="1" applyAlignment="1">
      <alignment horizontal="center"/>
    </xf>
    <xf numFmtId="165" fontId="2" fillId="0" borderId="5" xfId="2" applyNumberFormat="1" applyFont="1" applyFill="1" applyBorder="1" applyAlignment="1">
      <alignment horizontal="center"/>
    </xf>
    <xf numFmtId="165" fontId="2" fillId="0" borderId="3" xfId="2" applyNumberFormat="1" applyFont="1" applyBorder="1" applyAlignment="1">
      <alignment horizontal="center"/>
    </xf>
    <xf numFmtId="165" fontId="2" fillId="0" borderId="1" xfId="2" applyNumberFormat="1" applyFont="1" applyFill="1" applyBorder="1" applyAlignment="1">
      <alignment horizontal="center"/>
    </xf>
    <xf numFmtId="0" fontId="2" fillId="0" borderId="1" xfId="1" applyFont="1" applyBorder="1"/>
    <xf numFmtId="3" fontId="4" fillId="0" borderId="0" xfId="1" applyNumberFormat="1" applyFont="1"/>
    <xf numFmtId="3" fontId="2" fillId="0" borderId="0" xfId="1" applyNumberFormat="1" applyFont="1"/>
    <xf numFmtId="164" fontId="2" fillId="0" borderId="0" xfId="1" applyNumberFormat="1" applyFont="1"/>
  </cellXfs>
  <cellStyles count="4">
    <cellStyle name="Comma 2" xfId="2" xr:uid="{1D6D2E00-DF72-4BB1-B8E7-65EE260EE8E6}"/>
    <cellStyle name="Normal 2" xfId="1" xr:uid="{1F6A3575-91DC-4255-A69A-26DB519EBC5E}"/>
    <cellStyle name="Percent 2" xfId="3" xr:uid="{3760A034-7B35-4982-9A4C-963BB8E81EB5}"/>
    <cellStyle name="Standaard" xfId="0" builtinId="0"/>
  </cellStyles>
  <dxfs count="0"/>
  <tableStyles count="0" defaultTableStyle="TableStyleMedium2" defaultPivotStyle="PivotStyleLight16"/>
  <colors>
    <mruColors>
      <color rgb="FF000000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Zanders (2023)">
      <a:dk1>
        <a:srgbClr val="000000"/>
      </a:dk1>
      <a:lt1>
        <a:sysClr val="window" lastClr="FFFFFF"/>
      </a:lt1>
      <a:dk2>
        <a:srgbClr val="002E2E"/>
      </a:dk2>
      <a:lt2>
        <a:srgbClr val="F2F5F0"/>
      </a:lt2>
      <a:accent1>
        <a:srgbClr val="C3A86B"/>
      </a:accent1>
      <a:accent2>
        <a:srgbClr val="87E0B0"/>
      </a:accent2>
      <a:accent3>
        <a:srgbClr val="295757"/>
      </a:accent3>
      <a:accent4>
        <a:srgbClr val="A6B5BD"/>
      </a:accent4>
      <a:accent5>
        <a:srgbClr val="5EB887"/>
      </a:accent5>
      <a:accent6>
        <a:srgbClr val="002E2E"/>
      </a:accent6>
      <a:hlink>
        <a:srgbClr val="87E0B0"/>
      </a:hlink>
      <a:folHlink>
        <a:srgbClr val="002E2E"/>
      </a:folHlink>
    </a:clrScheme>
    <a:fontScheme name="Zanders 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Muted Green">
      <a:srgbClr val="5EB887"/>
    </a:custClr>
    <a:custClr name="Green">
      <a:srgbClr val="87E0B0"/>
    </a:custClr>
    <a:custClr name="Pale Green">
      <a:srgbClr val="B0FFD9"/>
    </a:custClr>
    <a:custClr name="Darkest Green">
      <a:srgbClr val="001414"/>
    </a:custClr>
    <a:custClr name="Dark Green">
      <a:srgbClr val="002E2E"/>
    </a:custClr>
    <a:custClr name="Mid Green">
      <a:srgbClr val="295757"/>
    </a:custClr>
    <a:custClr name="Dark Gold">
      <a:srgbClr val="A2874C"/>
    </a:custClr>
    <a:custClr name="Gold">
      <a:srgbClr val="C3A86B"/>
    </a:custClr>
    <a:custClr name="Light Gold">
      <a:srgbClr val="DBCC9A"/>
    </a:custClr>
    <a:custClr name="Grey">
      <a:srgbClr val="495154"/>
    </a:custClr>
    <a:custClr name="Silver">
      <a:srgbClr val="A6B5BD"/>
    </a:custClr>
    <a:custClr name="Stone">
      <a:srgbClr val="F2F5F0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93C6BFF-773D-48CD-92FA-6525B3A9E805}">
  <sheetPr>
    <pageSetUpPr fitToPage="1"/>
  </sheetPr>
  <dimension ref="A1:G138"/>
  <sheetViews>
    <sheetView showGridLines="0" tabSelected="1" zoomScale="80" zoomScaleNormal="80" zoomScaleSheetLayoutView="80" workbookViewId="0">
      <selection activeCell="E2" sqref="E2"/>
    </sheetView>
  </sheetViews>
  <sheetFormatPr defaultColWidth="0" defaultRowHeight="12.75" zeroHeight="1" x14ac:dyDescent="0.2"/>
  <cols>
    <col min="1" max="1" width="3.25" style="1" customWidth="1"/>
    <col min="2" max="2" width="23.75" style="1" customWidth="1"/>
    <col min="3" max="4" width="8" style="1" customWidth="1"/>
    <col min="5" max="5" width="94.375" style="1" bestFit="1" customWidth="1"/>
    <col min="6" max="6" width="2.875" style="1" customWidth="1"/>
    <col min="7" max="7" width="8" style="1" customWidth="1"/>
    <col min="8" max="16384" width="8" style="1" hidden="1"/>
  </cols>
  <sheetData>
    <row r="1" spans="2:5" ht="13.5" thickBot="1" x14ac:dyDescent="0.25"/>
    <row r="2" spans="2:5" ht="13.5" thickBot="1" x14ac:dyDescent="0.25">
      <c r="B2" s="2"/>
      <c r="C2" s="3"/>
      <c r="D2" s="3"/>
      <c r="E2" s="4" t="s">
        <v>0</v>
      </c>
    </row>
    <row r="3" spans="2:5" x14ac:dyDescent="0.2">
      <c r="B3" s="5" t="s">
        <v>1</v>
      </c>
      <c r="C3" s="6"/>
      <c r="D3" s="7"/>
      <c r="E3" s="8" t="s">
        <v>2</v>
      </c>
    </row>
    <row r="4" spans="2:5" x14ac:dyDescent="0.2">
      <c r="B4" s="9" t="s">
        <v>3</v>
      </c>
      <c r="D4" s="10"/>
      <c r="E4" s="11" t="s">
        <v>4</v>
      </c>
    </row>
    <row r="5" spans="2:5" x14ac:dyDescent="0.2">
      <c r="B5" s="12" t="s">
        <v>5</v>
      </c>
      <c r="D5" s="10"/>
      <c r="E5" s="13" t="s">
        <v>4</v>
      </c>
    </row>
    <row r="6" spans="2:5" ht="13.5" thickBot="1" x14ac:dyDescent="0.25">
      <c r="B6" s="14" t="s">
        <v>6</v>
      </c>
      <c r="C6" s="15"/>
      <c r="D6" s="16"/>
      <c r="E6" s="17" t="s">
        <v>7</v>
      </c>
    </row>
    <row r="7" spans="2:5" x14ac:dyDescent="0.2">
      <c r="B7" s="9" t="s">
        <v>8</v>
      </c>
      <c r="E7" s="18" t="s">
        <v>9</v>
      </c>
    </row>
    <row r="8" spans="2:5" x14ac:dyDescent="0.2">
      <c r="B8" s="12"/>
      <c r="E8" s="18"/>
    </row>
    <row r="9" spans="2:5" x14ac:dyDescent="0.2">
      <c r="B9" s="12" t="s">
        <v>10</v>
      </c>
      <c r="E9" s="18" t="s">
        <v>11</v>
      </c>
    </row>
    <row r="10" spans="2:5" ht="13.5" thickBot="1" x14ac:dyDescent="0.25">
      <c r="B10" s="12"/>
      <c r="E10" s="18"/>
    </row>
    <row r="11" spans="2:5" x14ac:dyDescent="0.2">
      <c r="B11" s="19" t="s">
        <v>12</v>
      </c>
      <c r="C11" s="6"/>
      <c r="D11" s="6"/>
      <c r="E11" s="20"/>
    </row>
    <row r="12" spans="2:5" x14ac:dyDescent="0.2">
      <c r="B12" s="12" t="s">
        <v>13</v>
      </c>
      <c r="E12" s="21" t="s">
        <v>14</v>
      </c>
    </row>
    <row r="13" spans="2:5" x14ac:dyDescent="0.2">
      <c r="B13" s="12" t="s">
        <v>15</v>
      </c>
      <c r="E13" s="21" t="s">
        <v>16</v>
      </c>
    </row>
    <row r="14" spans="2:5" x14ac:dyDescent="0.2">
      <c r="B14" s="12" t="s">
        <v>17</v>
      </c>
      <c r="E14" s="21" t="s">
        <v>18</v>
      </c>
    </row>
    <row r="15" spans="2:5" x14ac:dyDescent="0.2">
      <c r="B15" s="12" t="s">
        <v>19</v>
      </c>
      <c r="E15" s="22" t="s">
        <v>20</v>
      </c>
    </row>
    <row r="16" spans="2:5" x14ac:dyDescent="0.2">
      <c r="B16" s="12" t="s">
        <v>21</v>
      </c>
      <c r="E16" s="23" t="s">
        <v>22</v>
      </c>
    </row>
    <row r="17" spans="2:5" x14ac:dyDescent="0.2">
      <c r="B17" s="12"/>
      <c r="E17" s="23"/>
    </row>
    <row r="18" spans="2:5" ht="13.5" thickBot="1" x14ac:dyDescent="0.25">
      <c r="B18" s="14"/>
      <c r="C18" s="15"/>
      <c r="D18" s="15"/>
      <c r="E18" s="24"/>
    </row>
    <row r="19" spans="2:5" x14ac:dyDescent="0.2">
      <c r="B19" s="9" t="s">
        <v>23</v>
      </c>
      <c r="E19" s="23"/>
    </row>
    <row r="20" spans="2:5" x14ac:dyDescent="0.2">
      <c r="B20" s="12" t="s">
        <v>24</v>
      </c>
      <c r="E20" s="25" t="s">
        <v>25</v>
      </c>
    </row>
    <row r="21" spans="2:5" x14ac:dyDescent="0.2">
      <c r="B21" s="12" t="s">
        <v>26</v>
      </c>
      <c r="E21" s="25" t="s">
        <v>27</v>
      </c>
    </row>
    <row r="22" spans="2:5" x14ac:dyDescent="0.2">
      <c r="B22" s="12" t="s">
        <v>28</v>
      </c>
      <c r="E22" s="26" t="s">
        <v>29</v>
      </c>
    </row>
    <row r="23" spans="2:5" x14ac:dyDescent="0.2">
      <c r="B23" s="12"/>
      <c r="E23" s="26"/>
    </row>
    <row r="24" spans="2:5" x14ac:dyDescent="0.2">
      <c r="B24" s="9" t="s">
        <v>30</v>
      </c>
      <c r="E24" s="27"/>
    </row>
    <row r="25" spans="2:5" x14ac:dyDescent="0.2">
      <c r="B25" s="12" t="s">
        <v>24</v>
      </c>
      <c r="E25" s="25" t="s">
        <v>25</v>
      </c>
    </row>
    <row r="26" spans="2:5" x14ac:dyDescent="0.2">
      <c r="B26" s="12" t="s">
        <v>26</v>
      </c>
      <c r="E26" s="25" t="s">
        <v>27</v>
      </c>
    </row>
    <row r="27" spans="2:5" x14ac:dyDescent="0.2">
      <c r="B27" s="12" t="s">
        <v>28</v>
      </c>
      <c r="E27" s="26" t="s">
        <v>29</v>
      </c>
    </row>
    <row r="28" spans="2:5" x14ac:dyDescent="0.2">
      <c r="B28" s="12"/>
      <c r="E28" s="25"/>
    </row>
    <row r="29" spans="2:5" x14ac:dyDescent="0.2">
      <c r="B29" s="9" t="s">
        <v>31</v>
      </c>
      <c r="E29" s="23"/>
    </row>
    <row r="30" spans="2:5" x14ac:dyDescent="0.2">
      <c r="B30" s="12" t="s">
        <v>24</v>
      </c>
      <c r="E30" s="25" t="s">
        <v>25</v>
      </c>
    </row>
    <row r="31" spans="2:5" x14ac:dyDescent="0.2">
      <c r="B31" s="12" t="s">
        <v>26</v>
      </c>
      <c r="E31" s="25" t="s">
        <v>27</v>
      </c>
    </row>
    <row r="32" spans="2:5" x14ac:dyDescent="0.2">
      <c r="B32" s="12" t="s">
        <v>28</v>
      </c>
      <c r="E32" s="26" t="s">
        <v>29</v>
      </c>
    </row>
    <row r="33" spans="2:5" x14ac:dyDescent="0.2">
      <c r="B33" s="12"/>
      <c r="E33" s="25"/>
    </row>
    <row r="34" spans="2:5" x14ac:dyDescent="0.2">
      <c r="B34" s="9" t="s">
        <v>32</v>
      </c>
      <c r="E34" s="18" t="s">
        <v>33</v>
      </c>
    </row>
    <row r="35" spans="2:5" x14ac:dyDescent="0.2">
      <c r="B35" s="12" t="s">
        <v>24</v>
      </c>
      <c r="E35" s="18" t="s">
        <v>25</v>
      </c>
    </row>
    <row r="36" spans="2:5" x14ac:dyDescent="0.2">
      <c r="B36" s="12" t="s">
        <v>34</v>
      </c>
      <c r="E36" s="21" t="s">
        <v>35</v>
      </c>
    </row>
    <row r="37" spans="2:5" x14ac:dyDescent="0.2">
      <c r="B37" s="12" t="s">
        <v>36</v>
      </c>
      <c r="C37" s="28"/>
      <c r="D37" s="28"/>
      <c r="E37" s="18" t="s">
        <v>35</v>
      </c>
    </row>
    <row r="38" spans="2:5" x14ac:dyDescent="0.2">
      <c r="B38" s="12"/>
      <c r="C38" s="28"/>
      <c r="D38" s="28"/>
      <c r="E38" s="29"/>
    </row>
    <row r="39" spans="2:5" ht="13.5" thickBot="1" x14ac:dyDescent="0.25">
      <c r="B39" s="14"/>
      <c r="C39" s="30"/>
      <c r="D39" s="30"/>
      <c r="E39" s="31"/>
    </row>
    <row r="40" spans="2:5" x14ac:dyDescent="0.2">
      <c r="B40" s="5" t="s">
        <v>37</v>
      </c>
      <c r="C40" s="6"/>
      <c r="D40" s="7"/>
      <c r="E40" s="20" t="s">
        <v>38</v>
      </c>
    </row>
    <row r="41" spans="2:5" x14ac:dyDescent="0.2">
      <c r="B41" s="12"/>
      <c r="D41" s="10"/>
      <c r="E41" s="23" t="s">
        <v>39</v>
      </c>
    </row>
    <row r="42" spans="2:5" x14ac:dyDescent="0.2">
      <c r="B42" s="12" t="s">
        <v>40</v>
      </c>
      <c r="D42" s="10"/>
      <c r="E42" s="23" t="s">
        <v>41</v>
      </c>
    </row>
    <row r="43" spans="2:5" x14ac:dyDescent="0.2">
      <c r="B43" s="12" t="s">
        <v>42</v>
      </c>
      <c r="D43" s="10"/>
      <c r="E43" s="23" t="s">
        <v>43</v>
      </c>
    </row>
    <row r="44" spans="2:5" x14ac:dyDescent="0.2">
      <c r="B44" s="12"/>
      <c r="D44" s="10"/>
      <c r="E44" s="23"/>
    </row>
    <row r="45" spans="2:5" x14ac:dyDescent="0.2">
      <c r="B45" s="12" t="s">
        <v>44</v>
      </c>
      <c r="D45" s="10"/>
      <c r="E45" s="23" t="s">
        <v>45</v>
      </c>
    </row>
    <row r="46" spans="2:5" x14ac:dyDescent="0.2">
      <c r="B46" s="12"/>
      <c r="D46" s="10"/>
      <c r="E46" s="23"/>
    </row>
    <row r="47" spans="2:5" x14ac:dyDescent="0.2">
      <c r="B47" s="12" t="s">
        <v>46</v>
      </c>
      <c r="D47" s="10"/>
      <c r="E47" s="23" t="s">
        <v>47</v>
      </c>
    </row>
    <row r="48" spans="2:5" x14ac:dyDescent="0.2">
      <c r="B48" s="12"/>
      <c r="D48" s="10"/>
      <c r="E48" s="23"/>
    </row>
    <row r="49" spans="2:5" x14ac:dyDescent="0.2">
      <c r="B49" s="12" t="s">
        <v>48</v>
      </c>
      <c r="D49" s="10"/>
      <c r="E49" s="23" t="s">
        <v>49</v>
      </c>
    </row>
    <row r="50" spans="2:5" x14ac:dyDescent="0.2">
      <c r="B50" s="12"/>
      <c r="D50" s="10"/>
      <c r="E50" s="23"/>
    </row>
    <row r="51" spans="2:5" x14ac:dyDescent="0.2">
      <c r="B51" s="12" t="s">
        <v>50</v>
      </c>
      <c r="D51" s="10"/>
      <c r="E51" s="23" t="s">
        <v>51</v>
      </c>
    </row>
    <row r="52" spans="2:5" x14ac:dyDescent="0.2">
      <c r="B52" s="12" t="s">
        <v>52</v>
      </c>
      <c r="D52" s="10"/>
      <c r="E52" s="23" t="s">
        <v>53</v>
      </c>
    </row>
    <row r="53" spans="2:5" x14ac:dyDescent="0.2">
      <c r="B53" s="12" t="s">
        <v>54</v>
      </c>
      <c r="D53" s="10"/>
      <c r="E53" s="23" t="s">
        <v>55</v>
      </c>
    </row>
    <row r="54" spans="2:5" x14ac:dyDescent="0.2">
      <c r="B54" s="12"/>
      <c r="D54" s="10"/>
      <c r="E54" s="23" t="s">
        <v>56</v>
      </c>
    </row>
    <row r="55" spans="2:5" ht="13.5" thickBot="1" x14ac:dyDescent="0.25">
      <c r="B55" s="12"/>
      <c r="D55" s="10"/>
      <c r="E55" s="23"/>
    </row>
    <row r="56" spans="2:5" x14ac:dyDescent="0.2">
      <c r="B56" s="19"/>
      <c r="C56" s="6"/>
      <c r="D56" s="7"/>
      <c r="E56" s="20" t="s">
        <v>57</v>
      </c>
    </row>
    <row r="57" spans="2:5" x14ac:dyDescent="0.2">
      <c r="B57" s="9" t="s">
        <v>58</v>
      </c>
      <c r="D57" s="10"/>
      <c r="E57" s="23" t="s">
        <v>59</v>
      </c>
    </row>
    <row r="58" spans="2:5" x14ac:dyDescent="0.2">
      <c r="B58" s="12" t="s">
        <v>60</v>
      </c>
      <c r="D58" s="10"/>
      <c r="E58" s="23" t="s">
        <v>61</v>
      </c>
    </row>
    <row r="59" spans="2:5" x14ac:dyDescent="0.2">
      <c r="B59" s="12" t="s">
        <v>62</v>
      </c>
      <c r="D59" s="10"/>
      <c r="E59" s="23" t="s">
        <v>61</v>
      </c>
    </row>
    <row r="60" spans="2:5" x14ac:dyDescent="0.2">
      <c r="B60" s="12" t="s">
        <v>63</v>
      </c>
      <c r="D60" s="10"/>
      <c r="E60" s="23" t="s">
        <v>61</v>
      </c>
    </row>
    <row r="61" spans="2:5" x14ac:dyDescent="0.2">
      <c r="B61" s="12" t="s">
        <v>64</v>
      </c>
      <c r="D61" s="10"/>
      <c r="E61" s="23" t="s">
        <v>61</v>
      </c>
    </row>
    <row r="62" spans="2:5" x14ac:dyDescent="0.2">
      <c r="B62" s="12"/>
      <c r="D62" s="10"/>
      <c r="E62" s="23"/>
    </row>
    <row r="63" spans="2:5" x14ac:dyDescent="0.2">
      <c r="B63" s="12" t="s">
        <v>65</v>
      </c>
      <c r="D63" s="10"/>
      <c r="E63" s="23" t="s">
        <v>66</v>
      </c>
    </row>
    <row r="64" spans="2:5" x14ac:dyDescent="0.2">
      <c r="B64" s="12"/>
      <c r="D64" s="10"/>
      <c r="E64" s="23"/>
    </row>
    <row r="65" spans="2:5" x14ac:dyDescent="0.2">
      <c r="B65" s="12" t="s">
        <v>67</v>
      </c>
      <c r="D65" s="10"/>
      <c r="E65" s="23" t="s">
        <v>68</v>
      </c>
    </row>
    <row r="66" spans="2:5" x14ac:dyDescent="0.2">
      <c r="B66" s="12"/>
      <c r="D66" s="10"/>
      <c r="E66" s="27"/>
    </row>
    <row r="67" spans="2:5" x14ac:dyDescent="0.2">
      <c r="B67" s="12" t="s">
        <v>69</v>
      </c>
      <c r="D67" s="10"/>
      <c r="E67" s="23" t="s">
        <v>70</v>
      </c>
    </row>
    <row r="68" spans="2:5" x14ac:dyDescent="0.2">
      <c r="B68" s="12"/>
      <c r="D68" s="10"/>
      <c r="E68" s="23" t="s">
        <v>71</v>
      </c>
    </row>
    <row r="69" spans="2:5" x14ac:dyDescent="0.2">
      <c r="B69" s="12"/>
      <c r="D69" s="10"/>
      <c r="E69" s="23" t="s">
        <v>72</v>
      </c>
    </row>
    <row r="70" spans="2:5" x14ac:dyDescent="0.2">
      <c r="B70" s="12"/>
      <c r="D70" s="10"/>
      <c r="E70" s="27"/>
    </row>
    <row r="71" spans="2:5" x14ac:dyDescent="0.2">
      <c r="B71" s="12" t="s">
        <v>73</v>
      </c>
      <c r="D71" s="10"/>
      <c r="E71" s="23" t="s">
        <v>74</v>
      </c>
    </row>
    <row r="72" spans="2:5" x14ac:dyDescent="0.2">
      <c r="B72" s="12"/>
      <c r="D72" s="10"/>
      <c r="E72" s="23" t="s">
        <v>75</v>
      </c>
    </row>
    <row r="73" spans="2:5" x14ac:dyDescent="0.2">
      <c r="B73" s="12"/>
      <c r="D73" s="10"/>
      <c r="E73" s="23" t="s">
        <v>76</v>
      </c>
    </row>
    <row r="74" spans="2:5" x14ac:dyDescent="0.2">
      <c r="B74" s="12"/>
      <c r="D74" s="10"/>
      <c r="E74" s="27"/>
    </row>
    <row r="75" spans="2:5" x14ac:dyDescent="0.2">
      <c r="B75" s="12" t="s">
        <v>77</v>
      </c>
      <c r="D75" s="10"/>
      <c r="E75" s="23" t="s">
        <v>78</v>
      </c>
    </row>
    <row r="76" spans="2:5" ht="13.5" thickBot="1" x14ac:dyDescent="0.25">
      <c r="B76" s="14"/>
      <c r="C76" s="15"/>
      <c r="D76" s="16"/>
      <c r="E76" s="32"/>
    </row>
    <row r="77" spans="2:5" x14ac:dyDescent="0.2"/>
    <row r="78" spans="2:5" x14ac:dyDescent="0.2"/>
    <row r="79" spans="2:5" x14ac:dyDescent="0.2"/>
    <row r="80" spans="2:5" x14ac:dyDescent="0.2"/>
    <row r="81" spans="5:5" x14ac:dyDescent="0.2"/>
    <row r="82" spans="5:5" hidden="1" x14ac:dyDescent="0.2">
      <c r="E82" s="33"/>
    </row>
    <row r="83" spans="5:5" hidden="1" x14ac:dyDescent="0.2">
      <c r="E83" s="34"/>
    </row>
    <row r="84" spans="5:5" hidden="1" x14ac:dyDescent="0.2">
      <c r="E84" s="34"/>
    </row>
    <row r="85" spans="5:5" hidden="1" x14ac:dyDescent="0.2">
      <c r="E85" s="34"/>
    </row>
    <row r="86" spans="5:5" hidden="1" x14ac:dyDescent="0.2">
      <c r="E86" s="34"/>
    </row>
    <row r="87" spans="5:5" hidden="1" x14ac:dyDescent="0.2">
      <c r="E87" s="34"/>
    </row>
    <row r="88" spans="5:5" hidden="1" x14ac:dyDescent="0.2">
      <c r="E88" s="34"/>
    </row>
    <row r="89" spans="5:5" hidden="1" x14ac:dyDescent="0.2">
      <c r="E89" s="34"/>
    </row>
    <row r="90" spans="5:5" hidden="1" x14ac:dyDescent="0.2">
      <c r="E90" s="34"/>
    </row>
    <row r="91" spans="5:5" hidden="1" x14ac:dyDescent="0.2">
      <c r="E91" s="34"/>
    </row>
    <row r="92" spans="5:5" hidden="1" x14ac:dyDescent="0.2">
      <c r="E92" s="34"/>
    </row>
    <row r="93" spans="5:5" hidden="1" x14ac:dyDescent="0.2">
      <c r="E93" s="34"/>
    </row>
    <row r="94" spans="5:5" hidden="1" x14ac:dyDescent="0.2">
      <c r="E94" s="34"/>
    </row>
    <row r="95" spans="5:5" hidden="1" x14ac:dyDescent="0.2">
      <c r="E95" s="34"/>
    </row>
    <row r="96" spans="5:5" hidden="1" x14ac:dyDescent="0.2">
      <c r="E96" s="34"/>
    </row>
    <row r="97" spans="5:5" hidden="1" x14ac:dyDescent="0.2">
      <c r="E97" s="34"/>
    </row>
    <row r="98" spans="5:5" hidden="1" x14ac:dyDescent="0.2">
      <c r="E98" s="34"/>
    </row>
    <row r="99" spans="5:5" hidden="1" x14ac:dyDescent="0.2">
      <c r="E99" s="34"/>
    </row>
    <row r="100" spans="5:5" hidden="1" x14ac:dyDescent="0.2">
      <c r="E100" s="34"/>
    </row>
    <row r="101" spans="5:5" hidden="1" x14ac:dyDescent="0.2">
      <c r="E101" s="34"/>
    </row>
    <row r="102" spans="5:5" hidden="1" x14ac:dyDescent="0.2">
      <c r="E102" s="34"/>
    </row>
    <row r="103" spans="5:5" hidden="1" x14ac:dyDescent="0.2">
      <c r="E103" s="35"/>
    </row>
    <row r="104" spans="5:5" hidden="1" x14ac:dyDescent="0.2">
      <c r="E104" s="34"/>
    </row>
    <row r="105" spans="5:5" hidden="1" x14ac:dyDescent="0.2">
      <c r="E105" s="34"/>
    </row>
    <row r="106" spans="5:5" hidden="1" x14ac:dyDescent="0.2">
      <c r="E106" s="34"/>
    </row>
    <row r="107" spans="5:5" hidden="1" x14ac:dyDescent="0.2">
      <c r="E107" s="34"/>
    </row>
    <row r="108" spans="5:5" hidden="1" x14ac:dyDescent="0.2">
      <c r="E108" s="34"/>
    </row>
    <row r="109" spans="5:5" hidden="1" x14ac:dyDescent="0.2">
      <c r="E109" s="34"/>
    </row>
    <row r="110" spans="5:5" hidden="1" x14ac:dyDescent="0.2">
      <c r="E110" s="34"/>
    </row>
    <row r="111" spans="5:5" hidden="1" x14ac:dyDescent="0.2">
      <c r="E111" s="34"/>
    </row>
    <row r="112" spans="5:5" hidden="1" x14ac:dyDescent="0.2">
      <c r="E112" s="34"/>
    </row>
    <row r="113" spans="5:5" hidden="1" x14ac:dyDescent="0.2">
      <c r="E113" s="34"/>
    </row>
    <row r="114" spans="5:5" hidden="1" x14ac:dyDescent="0.2">
      <c r="E114" s="34"/>
    </row>
    <row r="115" spans="5:5" hidden="1" x14ac:dyDescent="0.2">
      <c r="E115" s="34"/>
    </row>
    <row r="116" spans="5:5" hidden="1" x14ac:dyDescent="0.2">
      <c r="E116" s="34"/>
    </row>
    <row r="117" spans="5:5" hidden="1" x14ac:dyDescent="0.2">
      <c r="E117" s="34"/>
    </row>
    <row r="118" spans="5:5" hidden="1" x14ac:dyDescent="0.2">
      <c r="E118" s="34"/>
    </row>
    <row r="119" spans="5:5" hidden="1" x14ac:dyDescent="0.2">
      <c r="E119" s="34"/>
    </row>
    <row r="120" spans="5:5" hidden="1" x14ac:dyDescent="0.2">
      <c r="E120" s="34"/>
    </row>
    <row r="121" spans="5:5" hidden="1" x14ac:dyDescent="0.2">
      <c r="E121" s="34"/>
    </row>
    <row r="122" spans="5:5" hidden="1" x14ac:dyDescent="0.2">
      <c r="E122" s="34"/>
    </row>
    <row r="123" spans="5:5" hidden="1" x14ac:dyDescent="0.2">
      <c r="E123" s="34"/>
    </row>
    <row r="124" spans="5:5" hidden="1" x14ac:dyDescent="0.2">
      <c r="E124" s="34"/>
    </row>
    <row r="125" spans="5:5" hidden="1" x14ac:dyDescent="0.2">
      <c r="E125" s="34"/>
    </row>
    <row r="126" spans="5:5" hidden="1" x14ac:dyDescent="0.2">
      <c r="E126" s="34"/>
    </row>
    <row r="127" spans="5:5" hidden="1" x14ac:dyDescent="0.2">
      <c r="E127" s="34"/>
    </row>
    <row r="128" spans="5:5" hidden="1" x14ac:dyDescent="0.2">
      <c r="E128" s="34"/>
    </row>
    <row r="129" spans="5:5" hidden="1" x14ac:dyDescent="0.2">
      <c r="E129" s="34"/>
    </row>
    <row r="130" spans="5:5" hidden="1" x14ac:dyDescent="0.2">
      <c r="E130" s="34"/>
    </row>
    <row r="131" spans="5:5" hidden="1" x14ac:dyDescent="0.2">
      <c r="E131" s="34"/>
    </row>
    <row r="132" spans="5:5" hidden="1" x14ac:dyDescent="0.2">
      <c r="E132" s="34"/>
    </row>
    <row r="133" spans="5:5" hidden="1" x14ac:dyDescent="0.2">
      <c r="E133" s="34"/>
    </row>
    <row r="134" spans="5:5" hidden="1" x14ac:dyDescent="0.2">
      <c r="E134" s="34"/>
    </row>
    <row r="135" spans="5:5" x14ac:dyDescent="0.2"/>
    <row r="136" spans="5:5" x14ac:dyDescent="0.2"/>
    <row r="137" spans="5:5" x14ac:dyDescent="0.2"/>
    <row r="138" spans="5:5" x14ac:dyDescent="0.2"/>
  </sheetData>
  <pageMargins left="0.23622047244094491" right="0.23622047244094491" top="0.74803149606299213" bottom="0.74803149606299213" header="0.31496062992125984" footer="0.31496062992125984"/>
  <pageSetup paperSize="9" scale="64" orientation="portrait" r:id="rId1"/>
  <headerFooter>
    <oddHeader>&amp;C24 Mei 2024</oddHeader>
    <oddFooter>&amp;CZanders / Aedes Format ITS</oddFoot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12ab40d7-b626-47b4-9200-7e2fdcf3c198" xsi:nil="true"/>
    <lcf76f155ced4ddcb4097134ff3c332f xmlns="d7156523-0f14-4172-8fb4-9313853f3cdb">
      <Terms xmlns="http://schemas.microsoft.com/office/infopath/2007/PartnerControls"/>
    </lcf76f155ced4ddcb4097134ff3c332f>
    <SharedWithUsers xmlns="12ab40d7-b626-47b4-9200-7e2fdcf3c198">
      <UserInfo>
        <DisplayName>Wiebeke Sittrop</DisplayName>
        <AccountId>55</AccountId>
        <AccountType/>
      </UserInfo>
      <UserInfo>
        <DisplayName>Niels van der Poel</DisplayName>
        <AccountId>15</AccountId>
        <AccountType/>
      </UserInfo>
      <UserInfo>
        <DisplayName>Erik van Assen</DisplayName>
        <AccountId>14</AccountId>
        <AccountType/>
      </UserInfo>
    </SharedWithUsers>
  </documentManagement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E68C725F17799438551822E4504B6DF" ma:contentTypeVersion="12" ma:contentTypeDescription="Create a new document." ma:contentTypeScope="" ma:versionID="1baf7de578e5f2155cb77ebf6e8a5064">
  <xsd:schema xmlns:xsd="http://www.w3.org/2001/XMLSchema" xmlns:xs="http://www.w3.org/2001/XMLSchema" xmlns:p="http://schemas.microsoft.com/office/2006/metadata/properties" xmlns:ns2="d7156523-0f14-4172-8fb4-9313853f3cdb" xmlns:ns3="12ab40d7-b626-47b4-9200-7e2fdcf3c198" targetNamespace="http://schemas.microsoft.com/office/2006/metadata/properties" ma:root="true" ma:fieldsID="e4dbecf32ff02589e7cc6ff144fd5dab" ns2:_="" ns3:_="">
    <xsd:import namespace="d7156523-0f14-4172-8fb4-9313853f3cdb"/>
    <xsd:import namespace="12ab40d7-b626-47b4-9200-7e2fdcf3c19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7156523-0f14-4172-8fb4-9313853f3cd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2fe3910d-ab50-4242-942f-840934c91a4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2ab40d7-b626-47b4-9200-7e2fdcf3c198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b5f91421-f904-428b-a69f-4b84f17f03db}" ma:internalName="TaxCatchAll" ma:showField="CatchAllData" ma:web="12ab40d7-b626-47b4-9200-7e2fdcf3c19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8DFC709-2965-4776-BDBF-DC40DEDAB129}">
  <ds:schemaRefs>
    <ds:schemaRef ds:uri="http://www.w3.org/XML/1998/namespace"/>
    <ds:schemaRef ds:uri="12ab40d7-b626-47b4-9200-7e2fdcf3c198"/>
    <ds:schemaRef ds:uri="d7156523-0f14-4172-8fb4-9313853f3cdb"/>
    <ds:schemaRef ds:uri="http://schemas.microsoft.com/office/2006/documentManagement/types"/>
    <ds:schemaRef ds:uri="http://purl.org/dc/terms/"/>
    <ds:schemaRef ds:uri="http://schemas.microsoft.com/office/2006/metadata/properties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http://purl.org/dc/elements/1.1/"/>
  </ds:schemaRefs>
</ds:datastoreItem>
</file>

<file path=customXml/itemProps2.xml><?xml version="1.0" encoding="utf-8"?>
<ds:datastoreItem xmlns:ds="http://schemas.openxmlformats.org/officeDocument/2006/customXml" ds:itemID="{5CAF024C-55A9-4F35-8CA0-D5B75AF7BC97}">
  <ds:schemaRefs/>
</ds:datastoreItem>
</file>

<file path=customXml/itemProps3.xml><?xml version="1.0" encoding="utf-8"?>
<ds:datastoreItem xmlns:ds="http://schemas.openxmlformats.org/officeDocument/2006/customXml" ds:itemID="{AFE0D08C-0D33-43DC-9547-17D06914E64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7156523-0f14-4172-8fb4-9313853f3cdb"/>
    <ds:schemaRef ds:uri="12ab40d7-b626-47b4-9200-7e2fdcf3c19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71976E87-5060-4751-82C8-AB327F69CE09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92B38FBE-5824-4A9F-A991-385BA650ECD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Werkbladen</vt:lpstr>
      </vt:variant>
      <vt:variant>
        <vt:i4>1</vt:i4>
      </vt:variant>
      <vt:variant>
        <vt:lpstr>Benoemde bereiken</vt:lpstr>
      </vt:variant>
      <vt:variant>
        <vt:i4>1</vt:i4>
      </vt:variant>
    </vt:vector>
  </HeadingPairs>
  <TitlesOfParts>
    <vt:vector size="2" baseType="lpstr">
      <vt:lpstr>ITS</vt:lpstr>
      <vt:lpstr>ITS!Afdrukbereik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dward Barker</dc:creator>
  <cp:keywords/>
  <dc:description/>
  <cp:lastModifiedBy>Wiebeke Sittrop</cp:lastModifiedBy>
  <cp:revision/>
  <dcterms:created xsi:type="dcterms:W3CDTF">2023-11-23T07:18:58Z</dcterms:created>
  <dcterms:modified xsi:type="dcterms:W3CDTF">2024-06-18T14:16:2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CE68C725F17799438551822E4504B6DF</vt:lpwstr>
  </property>
  <property fmtid="{D5CDD505-2E9C-101B-9397-08002B2CF9AE}" pid="3" name="MediaServiceImageTags">
    <vt:lpwstr/>
  </property>
  <property fmtid="{D5CDD505-2E9C-101B-9397-08002B2CF9AE}" pid="4" name="TemplafyTenantId">
    <vt:lpwstr>zanders</vt:lpwstr>
  </property>
  <property fmtid="{D5CDD505-2E9C-101B-9397-08002B2CF9AE}" pid="5" name="TemplafyTemplateId">
    <vt:lpwstr>758001823210536979</vt:lpwstr>
  </property>
  <property fmtid="{D5CDD505-2E9C-101B-9397-08002B2CF9AE}" pid="6" name="TemplafyUserProfileId">
    <vt:lpwstr>638223170622027044</vt:lpwstr>
  </property>
  <property fmtid="{D5CDD505-2E9C-101B-9397-08002B2CF9AE}" pid="7" name="TemplafyLanguageCode">
    <vt:lpwstr>nl-NL</vt:lpwstr>
  </property>
  <property fmtid="{D5CDD505-2E9C-101B-9397-08002B2CF9AE}" pid="8" name="TemplafyFromBlank">
    <vt:bool>true</vt:bool>
  </property>
  <property fmtid="{D5CDD505-2E9C-101B-9397-08002B2CF9AE}" pid="9" name="MSIP_Label_740a70c1-6013-493b-9c45-84d018c19fe2_Enabled">
    <vt:lpwstr>true</vt:lpwstr>
  </property>
  <property fmtid="{D5CDD505-2E9C-101B-9397-08002B2CF9AE}" pid="10" name="MSIP_Label_740a70c1-6013-493b-9c45-84d018c19fe2_SetDate">
    <vt:lpwstr>2023-12-19T08:56:21Z</vt:lpwstr>
  </property>
  <property fmtid="{D5CDD505-2E9C-101B-9397-08002B2CF9AE}" pid="11" name="MSIP_Label_740a70c1-6013-493b-9c45-84d018c19fe2_Method">
    <vt:lpwstr>Privileged</vt:lpwstr>
  </property>
  <property fmtid="{D5CDD505-2E9C-101B-9397-08002B2CF9AE}" pid="12" name="MSIP_Label_740a70c1-6013-493b-9c45-84d018c19fe2_Name">
    <vt:lpwstr>Public</vt:lpwstr>
  </property>
  <property fmtid="{D5CDD505-2E9C-101B-9397-08002B2CF9AE}" pid="13" name="MSIP_Label_740a70c1-6013-493b-9c45-84d018c19fe2_SiteId">
    <vt:lpwstr>2deacf8a-775e-40a2-ae82-91944be72ed5</vt:lpwstr>
  </property>
  <property fmtid="{D5CDD505-2E9C-101B-9397-08002B2CF9AE}" pid="14" name="MSIP_Label_740a70c1-6013-493b-9c45-84d018c19fe2_ActionId">
    <vt:lpwstr>4bce6f01-71bf-4546-830f-584f0420a423</vt:lpwstr>
  </property>
  <property fmtid="{D5CDD505-2E9C-101B-9397-08002B2CF9AE}" pid="15" name="MSIP_Label_740a70c1-6013-493b-9c45-84d018c19fe2_ContentBits">
    <vt:lpwstr>0</vt:lpwstr>
  </property>
</Properties>
</file>